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9"/>
  </p:sldMasterIdLst>
  <p:notesMasterIdLst>
    <p:notesMasterId r:id="rId67"/>
  </p:notesMasterIdLst>
  <p:sldIdLst>
    <p:sldId id="257" r:id="rId40"/>
    <p:sldId id="267" r:id="rId41"/>
    <p:sldId id="270" r:id="rId42"/>
    <p:sldId id="286" r:id="rId43"/>
    <p:sldId id="288" r:id="rId44"/>
    <p:sldId id="290" r:id="rId45"/>
    <p:sldId id="292" r:id="rId46"/>
    <p:sldId id="294" r:id="rId47"/>
    <p:sldId id="296" r:id="rId48"/>
    <p:sldId id="298" r:id="rId49"/>
    <p:sldId id="299" r:id="rId50"/>
    <p:sldId id="301" r:id="rId51"/>
    <p:sldId id="302" r:id="rId52"/>
    <p:sldId id="303" r:id="rId53"/>
    <p:sldId id="304" r:id="rId54"/>
    <p:sldId id="306" r:id="rId55"/>
    <p:sldId id="279" r:id="rId56"/>
    <p:sldId id="280" r:id="rId57"/>
    <p:sldId id="320" r:id="rId58"/>
    <p:sldId id="319" r:id="rId59"/>
    <p:sldId id="322" r:id="rId60"/>
    <p:sldId id="323" r:id="rId61"/>
    <p:sldId id="324" r:id="rId62"/>
    <p:sldId id="325" r:id="rId63"/>
    <p:sldId id="326" r:id="rId64"/>
    <p:sldId id="327" r:id="rId65"/>
    <p:sldId id="328" r:id="rId66"/>
  </p:sldIdLst>
  <p:sldSz cx="9144000" cy="6858000" type="screen4x3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973" autoAdjust="0"/>
    <p:restoredTop sz="94662" autoAdjust="0"/>
  </p:normalViewPr>
  <p:slideViewPr>
    <p:cSldViewPr snapToGrid="0" showGuides="1">
      <p:cViewPr varScale="1">
        <p:scale>
          <a:sx n="79" d="100"/>
          <a:sy n="79" d="100"/>
        </p:scale>
        <p:origin x="96" y="49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Master" Target="slideMasters/slideMaster1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3.xml"/><Relationship Id="rId47" Type="http://schemas.openxmlformats.org/officeDocument/2006/relationships/slide" Target="slides/slide8.xml"/><Relationship Id="rId50" Type="http://schemas.openxmlformats.org/officeDocument/2006/relationships/slide" Target="slides/slide11.xml"/><Relationship Id="rId55" Type="http://schemas.openxmlformats.org/officeDocument/2006/relationships/slide" Target="slides/slide16.xml"/><Relationship Id="rId63" Type="http://schemas.openxmlformats.org/officeDocument/2006/relationships/slide" Target="slides/slide24.xml"/><Relationship Id="rId68" Type="http://schemas.openxmlformats.org/officeDocument/2006/relationships/presProps" Target="presProps.xml"/><Relationship Id="rId7" Type="http://schemas.openxmlformats.org/officeDocument/2006/relationships/customXml" Target="../customXml/item7.xml"/><Relationship Id="rId71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1.xml"/><Relationship Id="rId45" Type="http://schemas.openxmlformats.org/officeDocument/2006/relationships/slide" Target="slides/slide6.xml"/><Relationship Id="rId53" Type="http://schemas.openxmlformats.org/officeDocument/2006/relationships/slide" Target="slides/slide14.xml"/><Relationship Id="rId58" Type="http://schemas.openxmlformats.org/officeDocument/2006/relationships/slide" Target="slides/slide19.xml"/><Relationship Id="rId66" Type="http://schemas.openxmlformats.org/officeDocument/2006/relationships/slide" Target="slides/slide27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0.xml"/><Relationship Id="rId57" Type="http://schemas.openxmlformats.org/officeDocument/2006/relationships/slide" Target="slides/slide18.xml"/><Relationship Id="rId61" Type="http://schemas.openxmlformats.org/officeDocument/2006/relationships/slide" Target="slides/slide22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5.xml"/><Relationship Id="rId52" Type="http://schemas.openxmlformats.org/officeDocument/2006/relationships/slide" Target="slides/slide13.xml"/><Relationship Id="rId60" Type="http://schemas.openxmlformats.org/officeDocument/2006/relationships/slide" Target="slides/slide21.xml"/><Relationship Id="rId65" Type="http://schemas.openxmlformats.org/officeDocument/2006/relationships/slide" Target="slides/slide2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4.xml"/><Relationship Id="rId48" Type="http://schemas.openxmlformats.org/officeDocument/2006/relationships/slide" Target="slides/slide9.xml"/><Relationship Id="rId56" Type="http://schemas.openxmlformats.org/officeDocument/2006/relationships/slide" Target="slides/slide17.xml"/><Relationship Id="rId64" Type="http://schemas.openxmlformats.org/officeDocument/2006/relationships/slide" Target="slides/slide25.xml"/><Relationship Id="rId69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12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7.xml"/><Relationship Id="rId59" Type="http://schemas.openxmlformats.org/officeDocument/2006/relationships/slide" Target="slides/slide20.xml"/><Relationship Id="rId67" Type="http://schemas.openxmlformats.org/officeDocument/2006/relationships/notesMaster" Target="notesMasters/notesMaster1.xml"/><Relationship Id="rId20" Type="http://schemas.openxmlformats.org/officeDocument/2006/relationships/customXml" Target="../customXml/item20.xml"/><Relationship Id="rId41" Type="http://schemas.openxmlformats.org/officeDocument/2006/relationships/slide" Target="slides/slide2.xml"/><Relationship Id="rId54" Type="http://schemas.openxmlformats.org/officeDocument/2006/relationships/slide" Target="slides/slide15.xml"/><Relationship Id="rId62" Type="http://schemas.openxmlformats.org/officeDocument/2006/relationships/slide" Target="slides/slide23.xml"/><Relationship Id="rId70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3/11/2021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143000" y="685800"/>
            <a:ext cx="4572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91422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700212"/>
            <a:ext cx="7551758" cy="4141785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06e4655c-38a0-461d-be6c-1fac8a1dd00d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45042"/>
            <a:ext cx="426362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>
                <a:solidFill>
                  <a:schemeClr val="bg1"/>
                </a:solidFill>
              </a:rPr>
              <a:t>Institut for Sundhedstjenesteforskning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3623"/>
            <a:ext cx="524408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3a99d768-d5fc-4464-987c-40b0a2eb5f75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6867027" y="6463691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bg1"/>
                </a:solidFill>
              </a:rPr>
              <a:t>november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02C9E90-37DD-4C1A-AB21-3AF2DA430E0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57" y="6375535"/>
            <a:ext cx="80071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2" y="0"/>
            <a:ext cx="4574475" cy="68580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019300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0f85158a-3a1d-4dc0-b6f2-6a06e283b1bc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5019300" y="51614"/>
            <a:ext cx="3510000" cy="478677"/>
          </a:xfrm>
          <a:prstGeom prst="rect">
            <a:avLst/>
          </a:prstGeom>
          <a:noFill/>
        </p:spPr>
        <p:txBody>
          <a:bodyPr wrap="square" lIns="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5018728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5c683231-4f57-459d-aa50-1660b5a3f6bc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B9BB03FB-BC65-4B73-9B66-32507EBF134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8728" y="6381356"/>
            <a:ext cx="797663" cy="225677"/>
          </a:xfrm>
          <a:prstGeom prst="rect">
            <a:avLst/>
          </a:prstGeom>
        </p:spPr>
      </p:pic>
      <p:sp>
        <p:nvSpPr>
          <p:cNvPr id="23" name="Title 1">
            <a:extLst>
              <a:ext uri="{FF2B5EF4-FFF2-40B4-BE49-F238E27FC236}">
                <a16:creationId xmlns:a16="http://schemas.microsoft.com/office/drawing/2014/main" id="{EFD876A3-4F24-4834-9FFF-7E8AD294562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435D18C-F049-45BC-9DD0-BCABC1798FE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E104C035-217A-42D1-9683-2601433D8C2F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3" name="#sdudk">
            <a:extLst>
              <a:ext uri="{FF2B5EF4-FFF2-40B4-BE49-F238E27FC236}">
                <a16:creationId xmlns:a16="http://schemas.microsoft.com/office/drawing/2014/main" id="{C18994E3-0B00-4329-9B53-BB93E9AA623E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5032802" y="2003078"/>
            <a:ext cx="3507803" cy="1373041"/>
          </a:xfrm>
        </p:spPr>
        <p:txBody>
          <a:bodyPr/>
          <a:lstStyle>
            <a:lvl1pPr>
              <a:defRPr sz="36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32800" y="1204110"/>
            <a:ext cx="3494458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308376" y="1016000"/>
            <a:ext cx="303290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C1D70FD-38F1-46F9-B7F9-51176E935F50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4F91CDD8-F125-4A35-872E-713802788FB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608454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608454" y="2695029"/>
            <a:ext cx="2990094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8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1609277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607860" y="4869330"/>
            <a:ext cx="2990093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251988" indent="0">
              <a:buNone/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562099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  <a:lvl2pPr marL="251988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562099" y="2694300"/>
            <a:ext cx="2990095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562099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562099" y="4869330"/>
            <a:ext cx="2990092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E9B44DD-5439-4457-BCA6-2324E90AE91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699200"/>
            <a:ext cx="7551758" cy="4142800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7975" y="2221200"/>
            <a:ext cx="4025700" cy="36208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62b48aae-3fbe-44b2-85a2-3840cec31735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12" name="date" descr="{&quot;templafy&quot;:{&quot;id&quot;:&quot;a5432f3f-c66b-42d4-a794-852667bc3b33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DA926880-EFD3-4E03-AD41-B5DEE1001487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Picture 15">
            <a:extLst>
              <a:ext uri="{FF2B5EF4-FFF2-40B4-BE49-F238E27FC236}">
                <a16:creationId xmlns:a16="http://schemas.microsoft.com/office/drawing/2014/main" id="{8CDE456A-3D3A-4660-B621-87E808BE7FF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18" name="sdu.dk">
            <a:extLst>
              <a:ext uri="{FF2B5EF4-FFF2-40B4-BE49-F238E27FC236}">
                <a16:creationId xmlns:a16="http://schemas.microsoft.com/office/drawing/2014/main" id="{6C8DAC0B-B30A-4593-8919-5508EB9A14CB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2" name="#sdudk">
            <a:extLst>
              <a:ext uri="{FF2B5EF4-FFF2-40B4-BE49-F238E27FC236}">
                <a16:creationId xmlns:a16="http://schemas.microsoft.com/office/drawing/2014/main" id="{75CC3EE1-0472-467D-B6AF-AD454628F83D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700216"/>
            <a:ext cx="40257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4EB576-C3BD-40C7-A696-33E1091F31D7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005017" y="1700212"/>
            <a:ext cx="352044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1620000"/>
            <a:ext cx="4024700" cy="188428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617000" y="1028246"/>
            <a:ext cx="39123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date" descr="{&quot;templafy&quot;:{&quot;id&quot;:&quot;7b493950-c96d-44fd-96ae-c3498dbe300a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5" name="text" descr="{&quot;templafy&quot;:{&quot;id&quot;:&quot;df1d4eb9-6d2c-48fc-b995-7890f8a9e87b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0" y="1016000"/>
            <a:ext cx="8221499" cy="68421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07800" y="1989138"/>
            <a:ext cx="8221500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date" descr="{&quot;templafy&quot;:{&quot;id&quot;:&quot;d0716ba5-396d-40d6-add8-d5256f020eb6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5" name="text" descr="{&quot;templafy&quot;:{&quot;id&quot;:&quot;02c7d289-950f-4a86-aaa3-7a0259daf2be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250055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" descr="{&quot;templafy&quot;:{&quot;id&quot;:&quot;1f657432-0448-4b1e-8fad-954a69a4ede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15" name="date" descr="{&quot;templafy&quot;:{&quot;id&quot;:&quot;64909701-1d24-413a-a64b-a6d031d9b999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16824" y="1000450"/>
            <a:ext cx="3808024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8551AC97-9031-4CC7-955F-C81EC8BE45E2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5" name="Picture 24">
            <a:extLst>
              <a:ext uri="{FF2B5EF4-FFF2-40B4-BE49-F238E27FC236}">
                <a16:creationId xmlns:a16="http://schemas.microsoft.com/office/drawing/2014/main" id="{FC0256C1-93B3-4768-8249-4CDA30556E1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26" name="sdu.dk">
            <a:extLst>
              <a:ext uri="{FF2B5EF4-FFF2-40B4-BE49-F238E27FC236}">
                <a16:creationId xmlns:a16="http://schemas.microsoft.com/office/drawing/2014/main" id="{E10468DB-C1E5-43E3-8103-A93D3C0BA409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7" name="#sdudk">
            <a:extLst>
              <a:ext uri="{FF2B5EF4-FFF2-40B4-BE49-F238E27FC236}">
                <a16:creationId xmlns:a16="http://schemas.microsoft.com/office/drawing/2014/main" id="{BA1E852F-9EE9-4889-AA2E-46B9BD847D08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D3F04E1F-B899-4D8C-B699-8C5E24C7ED69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809172"/>
            <a:ext cx="18765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08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454873" y="809171"/>
            <a:ext cx="18765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548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601372" y="809171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601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747871" y="809172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747874" y="1256278"/>
            <a:ext cx="1876499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307801" y="1028247"/>
            <a:ext cx="8534510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07803" y="3369040"/>
            <a:ext cx="8528929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5186700" y="6465600"/>
            <a:ext cx="1680324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0a51621a-3daa-4b6c-a590-01a5e18adc30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33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04E89A2F-569C-4A46-9E9F-69308A735C01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19" name="sdu.dk">
            <a:extLst>
              <a:ext uri="{FF2B5EF4-FFF2-40B4-BE49-F238E27FC236}">
                <a16:creationId xmlns:a16="http://schemas.microsoft.com/office/drawing/2014/main" id="{CD60DA45-62AE-46C7-A0EE-55A1D1461B4C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0" name="#sdudk">
            <a:extLst>
              <a:ext uri="{FF2B5EF4-FFF2-40B4-BE49-F238E27FC236}">
                <a16:creationId xmlns:a16="http://schemas.microsoft.com/office/drawing/2014/main" id="{E210D131-69D2-4DCF-8B02-28CEF197357D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3" name="text" descr="{&quot;templafy&quot;:{&quot;id&quot;:&quot;829f0e57-866d-40ef-9b0b-33954b6f24ff&quot;}}" title="UserProfile.Institut.InstituteDCU_{{DocumentLanguage}}">
            <a:extLst>
              <a:ext uri="{FF2B5EF4-FFF2-40B4-BE49-F238E27FC236}">
                <a16:creationId xmlns:a16="http://schemas.microsoft.com/office/drawing/2014/main" id="{70B52138-AE28-4CBC-BE86-D9C22FDF1C98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354" rtl="0" eaLnBrk="1" latinLnBrk="0" hangingPunct="1">
        <a:lnSpc>
          <a:spcPct val="97000"/>
        </a:lnSpc>
        <a:spcBef>
          <a:spcPct val="0"/>
        </a:spcBef>
        <a:buNone/>
        <a:tabLst>
          <a:tab pos="1438203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5962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194" userDrawn="1">
          <p15:clr>
            <a:srgbClr val="F26B43"/>
          </p15:clr>
        </p15:guide>
        <p15:guide id="6" pos="5566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40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4" Type="http://schemas.openxmlformats.org/officeDocument/2006/relationships/image" Target="../media/image1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4" Type="http://schemas.openxmlformats.org/officeDocument/2006/relationships/image" Target="../media/image13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4" Type="http://schemas.openxmlformats.org/officeDocument/2006/relationships/image" Target="../media/image14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4" Type="http://schemas.openxmlformats.org/officeDocument/2006/relationships/image" Target="../media/image15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4" Type="http://schemas.openxmlformats.org/officeDocument/2006/relationships/image" Target="../media/image18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4" Type="http://schemas.openxmlformats.org/officeDocument/2006/relationships/image" Target="../media/image19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5.xml"/><Relationship Id="rId4" Type="http://schemas.openxmlformats.org/officeDocument/2006/relationships/image" Target="../media/image20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7.xml"/><Relationship Id="rId4" Type="http://schemas.openxmlformats.org/officeDocument/2006/relationships/image" Target="../media/image21.png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image" Target="../media/image3.pn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4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4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9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4" Type="http://schemas.openxmlformats.org/officeDocument/2006/relationships/image" Target="../media/image10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4" Type="http://schemas.openxmlformats.org/officeDocument/2006/relationships/image" Target="../media/image1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E12F1FFB-4F8C-48D1-B7DF-087EE863695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APV 2021</a:t>
            </a:r>
            <a:br>
              <a:rPr lang="da-DK" dirty="0"/>
            </a:br>
            <a:br>
              <a:rPr lang="da-DK" dirty="0"/>
            </a:br>
            <a:r>
              <a:rPr lang="da-DK" sz="4800" dirty="0"/>
              <a:t>WP 9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pPr/>
              <a:t>23-11-202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 err="1"/>
              <a:t>Well-being</a:t>
            </a:r>
            <a:r>
              <a:rPr lang="da-DK" sz="2400" dirty="0"/>
              <a:t> (WP9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FF41B3C0-8EB0-498F-BE03-89FC13C2D85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2330" y="1390228"/>
            <a:ext cx="8278407" cy="308573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89645971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8E95153F-70CC-400A-B1B3-4060B22ACEF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20915" y="1216025"/>
            <a:ext cx="8612063" cy="392545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8259926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Offensive </a:t>
            </a:r>
            <a:r>
              <a:rPr lang="da-DK" sz="2400" dirty="0" err="1"/>
              <a:t>behaviour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2F5054C-0746-4834-BB74-ED7BBB72EFE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4148" y="1486080"/>
            <a:ext cx="8542652" cy="24177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719882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Offensive </a:t>
            </a:r>
            <a:r>
              <a:rPr lang="da-DK" sz="2400" dirty="0" err="1"/>
              <a:t>behaviour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9A1923BE-2B98-4132-B09E-016C7C9A527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1022" y="1362232"/>
            <a:ext cx="8389182" cy="44797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0244455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Offensive </a:t>
            </a:r>
            <a:r>
              <a:rPr lang="da-DK" sz="2400" dirty="0" err="1"/>
              <a:t>behaviour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68C4636F-FC78-4098-877B-EEFDCFCF298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0304" y="1525675"/>
            <a:ext cx="8525814" cy="1772032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8E64C5D7-0214-4233-8FA2-C423A1C8287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2972" y="3603339"/>
            <a:ext cx="8525814" cy="192162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839117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Risk of </a:t>
            </a:r>
            <a:r>
              <a:rPr lang="da-DK" sz="2400" dirty="0" err="1"/>
              <a:t>infection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1791C414-6B36-4563-AA55-87E2B522025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1450" y="1238250"/>
            <a:ext cx="8482119" cy="475233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5050121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Well-being</a:t>
            </a:r>
            <a:r>
              <a:rPr lang="da-DK" sz="1800" dirty="0"/>
              <a:t> in </a:t>
            </a:r>
            <a:r>
              <a:rPr lang="da-DK" sz="1800" dirty="0" err="1"/>
              <a:t>connection</a:t>
            </a:r>
            <a:r>
              <a:rPr lang="da-DK" sz="1800" dirty="0"/>
              <a:t> with </a:t>
            </a:r>
            <a:r>
              <a:rPr lang="da-DK" sz="1800" dirty="0" err="1"/>
              <a:t>remote</a:t>
            </a:r>
            <a:r>
              <a:rPr lang="da-DK" sz="1800" dirty="0"/>
              <a:t> </a:t>
            </a:r>
            <a:r>
              <a:rPr lang="da-DK" sz="1800" dirty="0" err="1"/>
              <a:t>work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C5616DA0-6B7E-46B7-A1DD-B646F934521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775" y="1681369"/>
            <a:ext cx="8467725" cy="257713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00740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The arrangement of the </a:t>
            </a:r>
            <a:r>
              <a:rPr lang="da-DK" sz="1800" dirty="0" err="1"/>
              <a:t>remote</a:t>
            </a:r>
            <a:r>
              <a:rPr lang="da-DK" sz="1800" dirty="0"/>
              <a:t> </a:t>
            </a:r>
            <a:r>
              <a:rPr lang="da-DK" sz="1800" dirty="0" err="1"/>
              <a:t>workplace</a:t>
            </a:r>
            <a:br>
              <a:rPr lang="da-DK" sz="16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BDF77EF7-9C85-4857-9941-82F01A06D63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9734" y="1476374"/>
            <a:ext cx="8644920" cy="315387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8854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br>
              <a:rPr lang="da-DK" sz="1600" dirty="0"/>
            </a:br>
            <a:br>
              <a:rPr lang="da-DK" sz="1600" dirty="0"/>
            </a:br>
            <a:br>
              <a:rPr lang="da-DK" sz="16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DFB62586-D48B-4C85-A0F5-805B61CB99D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0860" y="1219200"/>
            <a:ext cx="8757482" cy="328838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806673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9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Job </a:t>
            </a:r>
            <a:r>
              <a:rPr lang="da-DK" sz="2400" dirty="0" err="1"/>
              <a:t>satisfaction</a:t>
            </a: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54A565D7-5FFE-4520-B31E-8ED8A08607F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1551" y="1493949"/>
            <a:ext cx="8460615" cy="29211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900759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 err="1"/>
              <a:t>Physical</a:t>
            </a:r>
            <a:r>
              <a:rPr lang="da-DK" sz="2400" dirty="0"/>
              <a:t> APV (WP) 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5B957CDA-0F92-4F0C-8351-88E830A6319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17515" y="1131531"/>
            <a:ext cx="8356728" cy="45949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467949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Collaboration in </a:t>
            </a:r>
            <a:r>
              <a:rPr lang="da-DK" sz="2400" dirty="0" err="1"/>
              <a:t>connection</a:t>
            </a:r>
            <a:r>
              <a:rPr lang="da-DK" sz="2400" dirty="0"/>
              <a:t> with </a:t>
            </a:r>
            <a:r>
              <a:rPr lang="da-DK" sz="2400" dirty="0" err="1"/>
              <a:t>remote</a:t>
            </a:r>
            <a:r>
              <a:rPr lang="da-DK" sz="2400" dirty="0"/>
              <a:t> </a:t>
            </a:r>
            <a:r>
              <a:rPr lang="da-DK" sz="2400" dirty="0" err="1"/>
              <a:t>work</a:t>
            </a:r>
            <a:r>
              <a:rPr lang="da-DK" dirty="0"/>
              <a:t> </a:t>
            </a: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F4AF5C19-DE67-4113-98DA-BC17E6AAA9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9774" y="1565430"/>
            <a:ext cx="8339071" cy="35123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552727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1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A7F1F08-8F79-460A-B3DF-D8FD53B454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1551" y="1410526"/>
            <a:ext cx="8628513" cy="29296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1555110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2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0186D734-34DE-4C59-80C9-10AAC16A375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4546" y="3749138"/>
            <a:ext cx="8248918" cy="2518624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DC1A623E-2B34-49DC-BE06-2824D97321F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1551" y="1072953"/>
            <a:ext cx="7995852" cy="26761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617836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3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Language</a:t>
            </a:r>
            <a:br>
              <a:rPr lang="da-DK" sz="2400" dirty="0"/>
            </a:b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295298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4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Job </a:t>
            </a:r>
            <a:r>
              <a:rPr lang="da-DK" sz="2400" dirty="0" err="1"/>
              <a:t>satisfaction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573BF0F2-13AB-4687-B7AD-427B6C686AA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1551" y="1475440"/>
            <a:ext cx="8529023" cy="39071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751814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5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Cooperation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0E899052-ED70-4335-8C63-45313AFAB88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2653" y="1275008"/>
            <a:ext cx="8207656" cy="37288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871121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6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DE575406-62B6-4124-A930-DA09D1EAC45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7048" y="1437860"/>
            <a:ext cx="8036416" cy="33939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387203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7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11EB09B5-124A-4ECF-A2DA-F86761C3A49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9895" y="1629177"/>
            <a:ext cx="8145224" cy="21357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02687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Arrangement of </a:t>
            </a:r>
            <a:r>
              <a:rPr lang="da-DK" sz="1800" dirty="0" err="1"/>
              <a:t>your</a:t>
            </a:r>
            <a:r>
              <a:rPr lang="da-DK" sz="1800" dirty="0"/>
              <a:t> </a:t>
            </a:r>
            <a:r>
              <a:rPr lang="da-DK" sz="1800" dirty="0" err="1"/>
              <a:t>workplace</a:t>
            </a:r>
            <a:r>
              <a:rPr lang="da-DK" sz="1800" dirty="0"/>
              <a:t> (WP9)</a:t>
            </a: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AD8117EA-697F-4733-9CBF-6ECADEF0115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61924" y="1152524"/>
            <a:ext cx="8572083" cy="414360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8999099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Work tasks (WP9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2346EF4F-DC10-4E45-B8D7-BA35A64BB8F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0975" y="1114424"/>
            <a:ext cx="8439126" cy="342971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77254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Cooperation</a:t>
            </a:r>
            <a:r>
              <a:rPr lang="da-DK" sz="1800" dirty="0"/>
              <a:t> (WP9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DCA6D25C-697D-4E13-930B-819B47AEF6C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53885" y="1218293"/>
            <a:ext cx="8283987" cy="442141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513316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Management and </a:t>
            </a:r>
            <a:r>
              <a:rPr lang="da-DK" sz="1800" dirty="0" err="1"/>
              <a:t>Interaction</a:t>
            </a:r>
            <a:r>
              <a:rPr lang="da-DK" sz="1800" dirty="0"/>
              <a:t>(WP)</a:t>
            </a:r>
            <a:br>
              <a:rPr lang="da-DK" sz="1800" dirty="0"/>
            </a:br>
            <a:br>
              <a:rPr lang="da-DK" sz="1800" dirty="0"/>
            </a:br>
            <a:endParaRPr lang="da-DK" sz="18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188A6F2C-069B-4387-99A5-8DFA22BC6CF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1235" y="1579702"/>
            <a:ext cx="8309287" cy="1443280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9B92F3DE-48AC-4CE2-BF8E-C764CD3A3E1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41234" y="3288182"/>
            <a:ext cx="8239503" cy="108966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7755972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Direction</a:t>
            </a:r>
            <a:r>
              <a:rPr lang="da-DK" sz="1800" dirty="0"/>
              <a:t> (IST)</a:t>
            </a:r>
            <a:br>
              <a:rPr lang="da-DK" sz="1800" dirty="0"/>
            </a:br>
            <a:br>
              <a:rPr lang="da-DK" sz="1800" dirty="0"/>
            </a:br>
            <a:endParaRPr lang="da-DK" sz="18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FE20C33-53FB-4223-A461-18AC78E7014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951" y="1543050"/>
            <a:ext cx="8683784" cy="398298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15931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Commitment</a:t>
            </a:r>
            <a:r>
              <a:rPr lang="da-DK" sz="1800" dirty="0"/>
              <a:t> (WP 9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B5BD49B2-4CD5-4FDD-8D82-90DC2C377BC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61925" y="1195020"/>
            <a:ext cx="8439150" cy="352404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4221337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Leadership</a:t>
            </a:r>
            <a:r>
              <a:rPr lang="da-DK" sz="1800" dirty="0"/>
              <a:t> (WP)</a:t>
            </a:r>
            <a:br>
              <a:rPr lang="da-DK" sz="2400" dirty="0"/>
            </a:b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AE61E942-6431-4DC1-B118-11532508AAA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675" y="1533525"/>
            <a:ext cx="8669324" cy="270056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8744382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jRQFZ95FcfczjfLzMLtRww=="}]}]]></Templafy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TemplateConfiguration><![CDATA[{"elementsMetadata":[{"type":"shape","id":"0a51621a-3daa-4b6c-a590-01a5e18adc30","elementConfiguration":{"format":"{{DateFormats.MonthYear}}","binding":"Form.Date","disableUpdates":false,"type":"date"}},{"type":"shape","id":"829f0e57-866d-40ef-9b0b-33954b6f24ff","elementConfiguration":{"binding":"UserProfile.Institut.InstituteDCU_{{DocumentLanguage}}","disableUpdates":false,"type":"text"}},{"type":"shape","id":"1f657432-0448-4b1e-8fad-954a69a4ede2","elementConfiguration":{"binding":"UserProfile.Institut.InstituteDCU_{{DocumentLanguage}}","disableUpdates":false,"type":"text"}},{"type":"shape","id":"64909701-1d24-413a-a64b-a6d031d9b999","elementConfiguration":{"format":"{{DateFormats.MonthYear}}","binding":"Form.Date","disableUpdates":false,"type":"date"}},{"type":"shape","id":"62b48aae-3fbe-44b2-85a2-3840cec31735","elementConfiguration":{"binding":"UserProfile.Institut.InstituteDCU_{{DocumentLanguage}}","disableUpdates":false,"type":"text"}},{"type":"shape","id":"a5432f3f-c66b-42d4-a794-852667bc3b33","elementConfiguration":{"format":"{{DateFormats.MonthYear}}","binding":"Form.Date","disableUpdates":false,"type":"date"}},{"type":"shape","id":"d0716ba5-396d-40d6-add8-d5256f020eb6","elementConfiguration":{"format":"{{DateFormats.MonthYear}}","binding":"Form.Date","disableUpdates":false,"type":"date"}},{"type":"shape","id":"02c7d289-950f-4a86-aaa3-7a0259daf2be","elementConfiguration":{"binding":"UserProfile.Institut.InstituteDCU_{{DocumentLanguage}}","disableUpdates":false,"type":"text"}},{"type":"shape","id":"06e4655c-38a0-461d-be6c-1fac8a1dd00d","elementConfiguration":{"binding":"UserProfile.Institut.InstituteDCU_{{DocumentLanguage}}","disableUpdates":false,"type":"text"}},{"type":"shape","id":"3a99d768-d5fc-4464-987c-40b0a2eb5f75","elementConfiguration":{"format":"{{DateFormats.MonthYear}}","binding":"Form.Date","disableUpdates":false,"type":"date"}},{"type":"shape","id":"7b493950-c96d-44fd-96ae-c3498dbe300a","elementConfiguration":{"format":"{{DateFormats.MonthYear}}","binding":"Form.Date","disableUpdates":false,"type":"date"}},{"type":"shape","id":"df1d4eb9-6d2c-48fc-b995-7890f8a9e87b","elementConfiguration":{"binding":"UserProfile.Institut.InstituteDCU_{{DocumentLanguage}}","disableUpdates":false,"type":"text"}},{"type":"shape","id":"0f85158a-3a1d-4dc0-b6f2-6a06e283b1bc","elementConfiguration":{"binding":"UserProfile.Institut.InstituteDCU_{{DocumentLanguage}}","disableUpdates":false,"type":"text"}},{"type":"shape","id":"5c683231-4f57-459d-aa50-1660b5a3f6bc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9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91901321425537","enableDocumentContentUpdater":true,"version":"1.3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8AC4054-766B-4184-8C82-3C99998DAC7F}">
  <ds:schemaRefs/>
</ds:datastoreItem>
</file>

<file path=customXml/itemProps10.xml><?xml version="1.0" encoding="utf-8"?>
<ds:datastoreItem xmlns:ds="http://schemas.openxmlformats.org/officeDocument/2006/customXml" ds:itemID="{ACC7C047-0600-4785-A68E-1D09714D68A5}">
  <ds:schemaRefs/>
</ds:datastoreItem>
</file>

<file path=customXml/itemProps11.xml><?xml version="1.0" encoding="utf-8"?>
<ds:datastoreItem xmlns:ds="http://schemas.openxmlformats.org/officeDocument/2006/customXml" ds:itemID="{C54C75A0-11F3-400A-B18D-BAE9CEA7D279}">
  <ds:schemaRefs/>
</ds:datastoreItem>
</file>

<file path=customXml/itemProps12.xml><?xml version="1.0" encoding="utf-8"?>
<ds:datastoreItem xmlns:ds="http://schemas.openxmlformats.org/officeDocument/2006/customXml" ds:itemID="{DAAA7E5D-FE55-49B6-B7E2-D62744FA7E13}">
  <ds:schemaRefs/>
</ds:datastoreItem>
</file>

<file path=customXml/itemProps13.xml><?xml version="1.0" encoding="utf-8"?>
<ds:datastoreItem xmlns:ds="http://schemas.openxmlformats.org/officeDocument/2006/customXml" ds:itemID="{146AA1CB-C484-4B16-8954-6C0263B4768B}">
  <ds:schemaRefs/>
</ds:datastoreItem>
</file>

<file path=customXml/itemProps14.xml><?xml version="1.0" encoding="utf-8"?>
<ds:datastoreItem xmlns:ds="http://schemas.openxmlformats.org/officeDocument/2006/customXml" ds:itemID="{3811E6C2-CD47-4471-A876-D33FA26B4D27}">
  <ds:schemaRefs/>
</ds:datastoreItem>
</file>

<file path=customXml/itemProps15.xml><?xml version="1.0" encoding="utf-8"?>
<ds:datastoreItem xmlns:ds="http://schemas.openxmlformats.org/officeDocument/2006/customXml" ds:itemID="{77ED56FD-F238-4378-A721-178E866D210C}">
  <ds:schemaRefs/>
</ds:datastoreItem>
</file>

<file path=customXml/itemProps16.xml><?xml version="1.0" encoding="utf-8"?>
<ds:datastoreItem xmlns:ds="http://schemas.openxmlformats.org/officeDocument/2006/customXml" ds:itemID="{1C047A84-DDFA-4A6A-BEAE-7E4893D25271}">
  <ds:schemaRefs/>
</ds:datastoreItem>
</file>

<file path=customXml/itemProps17.xml><?xml version="1.0" encoding="utf-8"?>
<ds:datastoreItem xmlns:ds="http://schemas.openxmlformats.org/officeDocument/2006/customXml" ds:itemID="{FB426534-B617-4451-B280-7510D289BCAD}">
  <ds:schemaRefs/>
</ds:datastoreItem>
</file>

<file path=customXml/itemProps18.xml><?xml version="1.0" encoding="utf-8"?>
<ds:datastoreItem xmlns:ds="http://schemas.openxmlformats.org/officeDocument/2006/customXml" ds:itemID="{DABABE3A-D1B7-4BC9-A26E-0D8273A58742}">
  <ds:schemaRefs/>
</ds:datastoreItem>
</file>

<file path=customXml/itemProps19.xml><?xml version="1.0" encoding="utf-8"?>
<ds:datastoreItem xmlns:ds="http://schemas.openxmlformats.org/officeDocument/2006/customXml" ds:itemID="{9DDCFF32-E20A-4C14-86E6-F638974DB4EE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customXml/itemProps20.xml><?xml version="1.0" encoding="utf-8"?>
<ds:datastoreItem xmlns:ds="http://schemas.openxmlformats.org/officeDocument/2006/customXml" ds:itemID="{A3117A51-9FE1-4CE3-951C-36901E5AB278}">
  <ds:schemaRefs/>
</ds:datastoreItem>
</file>

<file path=customXml/itemProps21.xml><?xml version="1.0" encoding="utf-8"?>
<ds:datastoreItem xmlns:ds="http://schemas.openxmlformats.org/officeDocument/2006/customXml" ds:itemID="{F44186A2-161E-413E-B1E4-10F87277E59E}">
  <ds:schemaRefs/>
</ds:datastoreItem>
</file>

<file path=customXml/itemProps22.xml><?xml version="1.0" encoding="utf-8"?>
<ds:datastoreItem xmlns:ds="http://schemas.openxmlformats.org/officeDocument/2006/customXml" ds:itemID="{6A2CC877-F0BC-4B55-9098-F07365B1F7F9}">
  <ds:schemaRefs/>
</ds:datastoreItem>
</file>

<file path=customXml/itemProps23.xml><?xml version="1.0" encoding="utf-8"?>
<ds:datastoreItem xmlns:ds="http://schemas.openxmlformats.org/officeDocument/2006/customXml" ds:itemID="{A3B011E5-7823-46EF-866C-BB0393D8F893}">
  <ds:schemaRefs/>
</ds:datastoreItem>
</file>

<file path=customXml/itemProps24.xml><?xml version="1.0" encoding="utf-8"?>
<ds:datastoreItem xmlns:ds="http://schemas.openxmlformats.org/officeDocument/2006/customXml" ds:itemID="{B39158FB-3346-40E0-8D1B-F82AC674A9FB}">
  <ds:schemaRefs/>
</ds:datastoreItem>
</file>

<file path=customXml/itemProps25.xml><?xml version="1.0" encoding="utf-8"?>
<ds:datastoreItem xmlns:ds="http://schemas.openxmlformats.org/officeDocument/2006/customXml" ds:itemID="{C14E1DBF-83FE-48B4-B22D-E0A32435CB6D}">
  <ds:schemaRefs/>
</ds:datastoreItem>
</file>

<file path=customXml/itemProps26.xml><?xml version="1.0" encoding="utf-8"?>
<ds:datastoreItem xmlns:ds="http://schemas.openxmlformats.org/officeDocument/2006/customXml" ds:itemID="{74AE6FE9-8CF6-4C06-A157-CC4CE81A8D0B}">
  <ds:schemaRefs/>
</ds:datastoreItem>
</file>

<file path=customXml/itemProps27.xml><?xml version="1.0" encoding="utf-8"?>
<ds:datastoreItem xmlns:ds="http://schemas.openxmlformats.org/officeDocument/2006/customXml" ds:itemID="{7EBDD14C-D972-4FB2-9013-93286411B0B5}">
  <ds:schemaRefs/>
</ds:datastoreItem>
</file>

<file path=customXml/itemProps28.xml><?xml version="1.0" encoding="utf-8"?>
<ds:datastoreItem xmlns:ds="http://schemas.openxmlformats.org/officeDocument/2006/customXml" ds:itemID="{29A39018-358C-4ECC-A87C-5C996B0ED7B7}">
  <ds:schemaRefs/>
</ds:datastoreItem>
</file>

<file path=customXml/itemProps29.xml><?xml version="1.0" encoding="utf-8"?>
<ds:datastoreItem xmlns:ds="http://schemas.openxmlformats.org/officeDocument/2006/customXml" ds:itemID="{FCA0D701-029B-4FCC-AF49-4CE9163B2B58}">
  <ds:schemaRefs/>
</ds:datastoreItem>
</file>

<file path=customXml/itemProps3.xml><?xml version="1.0" encoding="utf-8"?>
<ds:datastoreItem xmlns:ds="http://schemas.openxmlformats.org/officeDocument/2006/customXml" ds:itemID="{6AC76967-EC00-4378-9F2E-E93801122F7F}">
  <ds:schemaRefs/>
</ds:datastoreItem>
</file>

<file path=customXml/itemProps30.xml><?xml version="1.0" encoding="utf-8"?>
<ds:datastoreItem xmlns:ds="http://schemas.openxmlformats.org/officeDocument/2006/customXml" ds:itemID="{3ED25510-8F65-46C6-842A-339D91FCCB28}">
  <ds:schemaRefs/>
</ds:datastoreItem>
</file>

<file path=customXml/itemProps31.xml><?xml version="1.0" encoding="utf-8"?>
<ds:datastoreItem xmlns:ds="http://schemas.openxmlformats.org/officeDocument/2006/customXml" ds:itemID="{B4897BE1-E3B6-4A3E-9060-3DA36DDE6CFF}">
  <ds:schemaRefs/>
</ds:datastoreItem>
</file>

<file path=customXml/itemProps32.xml><?xml version="1.0" encoding="utf-8"?>
<ds:datastoreItem xmlns:ds="http://schemas.openxmlformats.org/officeDocument/2006/customXml" ds:itemID="{065B644A-B437-469F-8D03-7FC996F93BD5}">
  <ds:schemaRefs/>
</ds:datastoreItem>
</file>

<file path=customXml/itemProps33.xml><?xml version="1.0" encoding="utf-8"?>
<ds:datastoreItem xmlns:ds="http://schemas.openxmlformats.org/officeDocument/2006/customXml" ds:itemID="{C8A1E00B-6896-4973-8A9C-8C9B68338B39}">
  <ds:schemaRefs/>
</ds:datastoreItem>
</file>

<file path=customXml/itemProps34.xml><?xml version="1.0" encoding="utf-8"?>
<ds:datastoreItem xmlns:ds="http://schemas.openxmlformats.org/officeDocument/2006/customXml" ds:itemID="{4506BBE2-96F8-4C2F-9AED-3BFB6DFC4860}">
  <ds:schemaRefs/>
</ds:datastoreItem>
</file>

<file path=customXml/itemProps35.xml><?xml version="1.0" encoding="utf-8"?>
<ds:datastoreItem xmlns:ds="http://schemas.openxmlformats.org/officeDocument/2006/customXml" ds:itemID="{84019F03-3EFC-4D41-91CD-B7DB0B85F73C}">
  <ds:schemaRefs/>
</ds:datastoreItem>
</file>

<file path=customXml/itemProps36.xml><?xml version="1.0" encoding="utf-8"?>
<ds:datastoreItem xmlns:ds="http://schemas.openxmlformats.org/officeDocument/2006/customXml" ds:itemID="{C2EAA0E3-8D51-4E3B-BF80-DD23032C642B}">
  <ds:schemaRefs/>
</ds:datastoreItem>
</file>

<file path=customXml/itemProps37.xml><?xml version="1.0" encoding="utf-8"?>
<ds:datastoreItem xmlns:ds="http://schemas.openxmlformats.org/officeDocument/2006/customXml" ds:itemID="{9872DF5D-63C2-40F2-8304-CEAE1DD6E6A7}">
  <ds:schemaRefs/>
</ds:datastoreItem>
</file>

<file path=customXml/itemProps38.xml><?xml version="1.0" encoding="utf-8"?>
<ds:datastoreItem xmlns:ds="http://schemas.openxmlformats.org/officeDocument/2006/customXml" ds:itemID="{DC013E53-AA94-4C1C-92FD-7C7BCC958E7E}">
  <ds:schemaRefs/>
</ds:datastoreItem>
</file>

<file path=customXml/itemProps4.xml><?xml version="1.0" encoding="utf-8"?>
<ds:datastoreItem xmlns:ds="http://schemas.openxmlformats.org/officeDocument/2006/customXml" ds:itemID="{A0024625-FF67-44EB-80BA-CBD48A308808}">
  <ds:schemaRefs/>
</ds:datastoreItem>
</file>

<file path=customXml/itemProps5.xml><?xml version="1.0" encoding="utf-8"?>
<ds:datastoreItem xmlns:ds="http://schemas.openxmlformats.org/officeDocument/2006/customXml" ds:itemID="{8FCD9D9B-E8FE-4FCE-BFE1-7AB124CBA6E1}">
  <ds:schemaRefs/>
</ds:datastoreItem>
</file>

<file path=customXml/itemProps6.xml><?xml version="1.0" encoding="utf-8"?>
<ds:datastoreItem xmlns:ds="http://schemas.openxmlformats.org/officeDocument/2006/customXml" ds:itemID="{D90FBCDE-97E4-4FA8-AD2C-60A3565CB30F}">
  <ds:schemaRefs/>
</ds:datastoreItem>
</file>

<file path=customXml/itemProps7.xml><?xml version="1.0" encoding="utf-8"?>
<ds:datastoreItem xmlns:ds="http://schemas.openxmlformats.org/officeDocument/2006/customXml" ds:itemID="{0FA1D94C-F8BF-4B6C-9E85-20770D8894E1}">
  <ds:schemaRefs/>
</ds:datastoreItem>
</file>

<file path=customXml/itemProps8.xml><?xml version="1.0" encoding="utf-8"?>
<ds:datastoreItem xmlns:ds="http://schemas.openxmlformats.org/officeDocument/2006/customXml" ds:itemID="{D0B9AC27-9135-46F7-BF5F-8422C233765D}">
  <ds:schemaRefs/>
</ds:datastoreItem>
</file>

<file path=customXml/itemProps9.xml><?xml version="1.0" encoding="utf-8"?>
<ds:datastoreItem xmlns:ds="http://schemas.openxmlformats.org/officeDocument/2006/customXml" ds:itemID="{F41F40EF-577B-4624-BA5B-E704A2BCB80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60</Words>
  <Application>Microsoft Office PowerPoint</Application>
  <PresentationFormat>Skærmshow (4:3)</PresentationFormat>
  <Paragraphs>63</Paragraphs>
  <Slides>27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7</vt:i4>
      </vt:variant>
    </vt:vector>
  </HeadingPairs>
  <TitlesOfParts>
    <vt:vector size="30" baseType="lpstr">
      <vt:lpstr>Arial</vt:lpstr>
      <vt:lpstr>Wingdings</vt:lpstr>
      <vt:lpstr>Blank</vt:lpstr>
      <vt:lpstr>APV 2021  WP 9 </vt:lpstr>
      <vt:lpstr>Physical APV (WP) </vt:lpstr>
      <vt:lpstr>Arrangement of your workplace (WP9) </vt:lpstr>
      <vt:lpstr>Work tasks (WP9)  </vt:lpstr>
      <vt:lpstr>Cooperation (WP9)  </vt:lpstr>
      <vt:lpstr>Management and Interaction(WP)  </vt:lpstr>
      <vt:lpstr>Direction (IST)  </vt:lpstr>
      <vt:lpstr>Commitment (WP 9)  </vt:lpstr>
      <vt:lpstr>Leadership (WP)   </vt:lpstr>
      <vt:lpstr>Well-being (WP9)  </vt:lpstr>
      <vt:lpstr>  </vt:lpstr>
      <vt:lpstr>Offensive behaviour  </vt:lpstr>
      <vt:lpstr>Offensive behaviour  </vt:lpstr>
      <vt:lpstr>Offensive behaviour  </vt:lpstr>
      <vt:lpstr>Risk of infection  </vt:lpstr>
      <vt:lpstr>Well-being in connection with remote work  </vt:lpstr>
      <vt:lpstr>The arrangement of the remote workplace </vt:lpstr>
      <vt:lpstr>   </vt:lpstr>
      <vt:lpstr>Job satisfaction</vt:lpstr>
      <vt:lpstr>Collaboration in connection with remote work </vt:lpstr>
      <vt:lpstr>Well-being</vt:lpstr>
      <vt:lpstr>Well-being</vt:lpstr>
      <vt:lpstr>Language </vt:lpstr>
      <vt:lpstr>Job satisfaction </vt:lpstr>
      <vt:lpstr>Cooperation </vt:lpstr>
      <vt:lpstr>Well-being </vt:lpstr>
      <vt:lpstr>Well-being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1-11-23T11:02:1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42:11.8023097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8946676274</vt:lpwstr>
  </property>
  <property fmtid="{D5CDD505-2E9C-101B-9397-08002B2CF9AE}" pid="5" name="TemplafyUserProfileId">
    <vt:lpwstr>636246545450944866</vt:lpwstr>
  </property>
  <property fmtid="{D5CDD505-2E9C-101B-9397-08002B2CF9AE}" pid="6" name="TemplafyLanguageCode">
    <vt:lpwstr>da-DK</vt:lpwstr>
  </property>
</Properties>
</file>